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5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7" d="100"/>
          <a:sy n="107" d="100"/>
        </p:scale>
        <p:origin x="69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2FBCA6-483D-4673-AD30-8E2E10A9EE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B598282-63C5-455F-8E19-7EABFAEE67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3CC470-6EF3-49D2-A19F-F120BB218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1D10A0-FEF1-4C17-A234-5A364BECCF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2C0FADD-4546-4892-A030-FCBF5FD5FF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47064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B7EABB-0B2E-4999-92DA-F6B5A88B0F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F328A4-95D2-44C1-991D-5D97BD2E7CB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3C748C-EA0E-461F-B226-362E89DD53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59103A-D715-4404-B301-8C089B0BA9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8AC451-DDCD-442B-ACFF-6737412CCB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4411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6EED444-5617-4656-85C2-7445D3313B5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DA11CFA-25E6-4940-93EB-2137F155329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5ED632-0E8F-483D-A9D8-3DC3344083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C9EDF6-89D9-454E-8444-0174C2D5C7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569A5B-B8EA-4AA0-9904-8E53CCCE04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88660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38827A-4B85-4646-90AB-1DDEBF3CC2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C3477ED-EA72-4A77-919D-603B530BD36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9F961B-ABD7-4DC9-A5B6-2ECBE5160F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8F0D11-BEE6-441E-86C3-8840042A97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389714-8A5A-4DE0-BD45-24E6502B12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9051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0B4B10-CD2F-460F-A6DB-01EEEC7C31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6F943CB-8733-4478-94E9-7E62A21D55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C9D4EA-1B67-4934-9F06-60EBF91E33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162D85-886E-4598-A2C4-976E4ACF6E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AB9A845-451F-402E-98EF-D40ED7757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76926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44FB3D-A8FD-46B3-8B6F-8BA290BCD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B81D39-61B0-45F4-A519-82D5BD27459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1B234-6AAB-4DE0-A842-7D4AD4C61F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FDF812D-FA71-4A20-AEAB-8D9689778A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87D746-A316-4E96-A1EE-FBA301F66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0197B4D-8E05-4FE3-9A98-05023EBA9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12867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395417-0AF1-412A-A99B-7D2F15BDBB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642C08-F8F0-4C28-94DE-5C867AE5AF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FC4C03E-C87B-4412-BCA9-3AACCA22C8C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FD4C829-7EE4-42E5-AA1F-4F2A939D437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00CFFB2-07C6-4230-A9B4-F61336FB59B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D658855-C972-42F6-AF0B-2145C1720C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9091978-80C7-4740-9632-8196EBAA20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521A0FB-164D-42C4-9111-1290BD1EDB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02359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84A1E3-FE70-4C21-B785-159EC0BB6E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1AED32-1459-4738-A0B5-408738B37E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A7E02-3255-4A65-98B8-1EE89A25A4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29DE8B-F5C8-4047-B75C-7261F5A52F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5147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5A0B0CA-197C-41DB-A655-774BF5B865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29BBD9D-2D47-42F9-8A84-27EC5F2464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49FF4E-F4AC-4D16-A111-608A2DF5A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83697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90A504-B973-4A73-A425-8E72421548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D671A5-B849-4A2A-A66C-894372F20A3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5D7BF25-E019-4483-9E75-05BE6A65E3D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CD2B92-95EC-4635-A445-E12D3FA7A3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7C6CA2-5684-4A9B-91A3-F8D265C968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6B6826-B911-43D9-9851-68CB873E38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70040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3A5947-B02B-46ED-91A4-6AF71E6188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0DEA417-9C82-413C-902F-6B5BA34B6C3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BF3780A-3C48-4935-8F67-85E62AF981A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F7595B-71CB-44CD-8203-9F75340440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9C6B91F-55B5-4EF8-8476-53EC980228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156EAF1-58B2-4AA5-9F47-2A495D6E58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434849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F20EC5E-CC53-4773-8AF1-DBBD34F668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3659BF-9C2D-457D-B7B1-7941389C8A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275AB3-7719-430E-AA38-A69E9B6E27C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82FB46-DD6E-4A35-9201-109509FFB78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1E9BF7-3B53-4617-B0EF-858E10697D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F56BBD-651D-48EB-BBE1-8B0D15E013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ACCD86-6AF4-41B4-AE16-9AF68B58732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03020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5.xml"/><Relationship Id="rId21" Type="http://schemas.openxmlformats.org/officeDocument/2006/relationships/tags" Target="../tags/tag20.xml"/><Relationship Id="rId42" Type="http://schemas.openxmlformats.org/officeDocument/2006/relationships/tags" Target="../tags/tag41.xml"/><Relationship Id="rId47" Type="http://schemas.openxmlformats.org/officeDocument/2006/relationships/tags" Target="../tags/tag46.xml"/><Relationship Id="rId63" Type="http://schemas.openxmlformats.org/officeDocument/2006/relationships/tags" Target="../tags/tag62.xml"/><Relationship Id="rId68" Type="http://schemas.openxmlformats.org/officeDocument/2006/relationships/tags" Target="../tags/tag67.xml"/><Relationship Id="rId84" Type="http://schemas.openxmlformats.org/officeDocument/2006/relationships/tags" Target="../tags/tag83.xml"/><Relationship Id="rId89" Type="http://schemas.openxmlformats.org/officeDocument/2006/relationships/tags" Target="../tags/tag88.xml"/><Relationship Id="rId16" Type="http://schemas.openxmlformats.org/officeDocument/2006/relationships/tags" Target="../tags/tag15.xml"/><Relationship Id="rId11" Type="http://schemas.openxmlformats.org/officeDocument/2006/relationships/tags" Target="../tags/tag10.xml"/><Relationship Id="rId32" Type="http://schemas.openxmlformats.org/officeDocument/2006/relationships/tags" Target="../tags/tag31.xml"/><Relationship Id="rId37" Type="http://schemas.openxmlformats.org/officeDocument/2006/relationships/tags" Target="../tags/tag36.xml"/><Relationship Id="rId53" Type="http://schemas.openxmlformats.org/officeDocument/2006/relationships/tags" Target="../tags/tag52.xml"/><Relationship Id="rId58" Type="http://schemas.openxmlformats.org/officeDocument/2006/relationships/tags" Target="../tags/tag57.xml"/><Relationship Id="rId74" Type="http://schemas.openxmlformats.org/officeDocument/2006/relationships/tags" Target="../tags/tag73.xml"/><Relationship Id="rId79" Type="http://schemas.openxmlformats.org/officeDocument/2006/relationships/tags" Target="../tags/tag78.xml"/><Relationship Id="rId5" Type="http://schemas.openxmlformats.org/officeDocument/2006/relationships/tags" Target="../tags/tag4.xml"/><Relationship Id="rId90" Type="http://schemas.openxmlformats.org/officeDocument/2006/relationships/tags" Target="../tags/tag89.xml"/><Relationship Id="rId95" Type="http://schemas.openxmlformats.org/officeDocument/2006/relationships/slideLayout" Target="../slideLayouts/slideLayout6.xml"/><Relationship Id="rId22" Type="http://schemas.openxmlformats.org/officeDocument/2006/relationships/tags" Target="../tags/tag21.xml"/><Relationship Id="rId27" Type="http://schemas.openxmlformats.org/officeDocument/2006/relationships/tags" Target="../tags/tag26.xml"/><Relationship Id="rId43" Type="http://schemas.openxmlformats.org/officeDocument/2006/relationships/tags" Target="../tags/tag42.xml"/><Relationship Id="rId48" Type="http://schemas.openxmlformats.org/officeDocument/2006/relationships/tags" Target="../tags/tag47.xml"/><Relationship Id="rId64" Type="http://schemas.openxmlformats.org/officeDocument/2006/relationships/tags" Target="../tags/tag63.xml"/><Relationship Id="rId69" Type="http://schemas.openxmlformats.org/officeDocument/2006/relationships/tags" Target="../tags/tag68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tags" Target="../tags/tag71.xml"/><Relationship Id="rId80" Type="http://schemas.openxmlformats.org/officeDocument/2006/relationships/tags" Target="../tags/tag79.xml"/><Relationship Id="rId85" Type="http://schemas.openxmlformats.org/officeDocument/2006/relationships/tags" Target="../tags/tag84.xml"/><Relationship Id="rId93" Type="http://schemas.openxmlformats.org/officeDocument/2006/relationships/tags" Target="../tags/tag92.xml"/><Relationship Id="rId3" Type="http://schemas.openxmlformats.org/officeDocument/2006/relationships/tags" Target="../tags/tag2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25" Type="http://schemas.openxmlformats.org/officeDocument/2006/relationships/tags" Target="../tags/tag24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46" Type="http://schemas.openxmlformats.org/officeDocument/2006/relationships/tags" Target="../tags/tag45.xml"/><Relationship Id="rId59" Type="http://schemas.openxmlformats.org/officeDocument/2006/relationships/tags" Target="../tags/tag58.xml"/><Relationship Id="rId67" Type="http://schemas.openxmlformats.org/officeDocument/2006/relationships/tags" Target="../tags/tag66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54" Type="http://schemas.openxmlformats.org/officeDocument/2006/relationships/tags" Target="../tags/tag53.xml"/><Relationship Id="rId62" Type="http://schemas.openxmlformats.org/officeDocument/2006/relationships/tags" Target="../tags/tag61.xml"/><Relationship Id="rId70" Type="http://schemas.openxmlformats.org/officeDocument/2006/relationships/tags" Target="../tags/tag69.xml"/><Relationship Id="rId75" Type="http://schemas.openxmlformats.org/officeDocument/2006/relationships/tags" Target="../tags/tag74.xml"/><Relationship Id="rId83" Type="http://schemas.openxmlformats.org/officeDocument/2006/relationships/tags" Target="../tags/tag82.xml"/><Relationship Id="rId88" Type="http://schemas.openxmlformats.org/officeDocument/2006/relationships/tags" Target="../tags/tag87.xml"/><Relationship Id="rId91" Type="http://schemas.openxmlformats.org/officeDocument/2006/relationships/tags" Target="../tags/tag90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5.xml"/><Relationship Id="rId15" Type="http://schemas.openxmlformats.org/officeDocument/2006/relationships/tags" Target="../tags/tag14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36" Type="http://schemas.openxmlformats.org/officeDocument/2006/relationships/tags" Target="../tags/tag35.xml"/><Relationship Id="rId49" Type="http://schemas.openxmlformats.org/officeDocument/2006/relationships/tags" Target="../tags/tag48.xml"/><Relationship Id="rId57" Type="http://schemas.openxmlformats.org/officeDocument/2006/relationships/tags" Target="../tags/tag56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44" Type="http://schemas.openxmlformats.org/officeDocument/2006/relationships/tags" Target="../tags/tag43.xml"/><Relationship Id="rId52" Type="http://schemas.openxmlformats.org/officeDocument/2006/relationships/tags" Target="../tags/tag51.xml"/><Relationship Id="rId60" Type="http://schemas.openxmlformats.org/officeDocument/2006/relationships/tags" Target="../tags/tag59.xml"/><Relationship Id="rId65" Type="http://schemas.openxmlformats.org/officeDocument/2006/relationships/tags" Target="../tags/tag64.xml"/><Relationship Id="rId73" Type="http://schemas.openxmlformats.org/officeDocument/2006/relationships/tags" Target="../tags/tag72.xml"/><Relationship Id="rId78" Type="http://schemas.openxmlformats.org/officeDocument/2006/relationships/tags" Target="../tags/tag77.xml"/><Relationship Id="rId81" Type="http://schemas.openxmlformats.org/officeDocument/2006/relationships/tags" Target="../tags/tag80.xml"/><Relationship Id="rId86" Type="http://schemas.openxmlformats.org/officeDocument/2006/relationships/tags" Target="../tags/tag85.xml"/><Relationship Id="rId94" Type="http://schemas.openxmlformats.org/officeDocument/2006/relationships/tags" Target="../tags/tag93.xml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39" Type="http://schemas.openxmlformats.org/officeDocument/2006/relationships/tags" Target="../tags/tag38.xml"/><Relationship Id="rId34" Type="http://schemas.openxmlformats.org/officeDocument/2006/relationships/tags" Target="../tags/tag33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76" Type="http://schemas.openxmlformats.org/officeDocument/2006/relationships/tags" Target="../tags/tag75.xml"/><Relationship Id="rId7" Type="http://schemas.openxmlformats.org/officeDocument/2006/relationships/tags" Target="../tags/tag6.xml"/><Relationship Id="rId71" Type="http://schemas.openxmlformats.org/officeDocument/2006/relationships/tags" Target="../tags/tag70.xml"/><Relationship Id="rId92" Type="http://schemas.openxmlformats.org/officeDocument/2006/relationships/tags" Target="../tags/tag91.xml"/><Relationship Id="rId2" Type="http://schemas.openxmlformats.org/officeDocument/2006/relationships/tags" Target="../tags/tag1.xml"/><Relationship Id="rId29" Type="http://schemas.openxmlformats.org/officeDocument/2006/relationships/tags" Target="../tags/tag28.xml"/><Relationship Id="rId24" Type="http://schemas.openxmlformats.org/officeDocument/2006/relationships/tags" Target="../tags/tag23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66" Type="http://schemas.openxmlformats.org/officeDocument/2006/relationships/tags" Target="../tags/tag65.xml"/><Relationship Id="rId87" Type="http://schemas.openxmlformats.org/officeDocument/2006/relationships/tags" Target="../tags/tag86.xml"/><Relationship Id="rId61" Type="http://schemas.openxmlformats.org/officeDocument/2006/relationships/tags" Target="../tags/tag60.xml"/><Relationship Id="rId82" Type="http://schemas.openxmlformats.org/officeDocument/2006/relationships/tags" Target="../tags/tag81.xml"/><Relationship Id="rId19" Type="http://schemas.openxmlformats.org/officeDocument/2006/relationships/tags" Target="../tags/tag18.xml"/><Relationship Id="rId14" Type="http://schemas.openxmlformats.org/officeDocument/2006/relationships/tags" Target="../tags/tag13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56" Type="http://schemas.openxmlformats.org/officeDocument/2006/relationships/tags" Target="../tags/tag55.xml"/><Relationship Id="rId77" Type="http://schemas.openxmlformats.org/officeDocument/2006/relationships/tags" Target="../tags/tag7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84500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98155"/>
            <a:ext cx="11633200" cy="2070100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_4a5a28f54fd9419c81109d26b21f62bf_BackgroundRectangle">
            <a:extLst>
              <a:ext uri="{FF2B5EF4-FFF2-40B4-BE49-F238E27FC236}">
                <a16:creationId xmlns:a16="http://schemas.microsoft.com/office/drawing/2014/main" id="{309FEE0D-ED96-49AE-958D-FAB4938B0D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31755"/>
            <a:ext cx="11633200" cy="386249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07" name="OTLSHAPE_M_5ca2964096ee41228b025428005648f1_Connector1">
            <a:extLst>
              <a:ext uri="{FF2B5EF4-FFF2-40B4-BE49-F238E27FC236}">
                <a16:creationId xmlns:a16="http://schemas.microsoft.com/office/drawing/2014/main" id="{B065DFCB-D9D0-4B93-9767-C9CBE275F4C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33665" y="1455434"/>
            <a:ext cx="0" cy="4062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7d096088c5d24d0cb083a70c2819ed4e_Connector1">
            <a:extLst>
              <a:ext uri="{FF2B5EF4-FFF2-40B4-BE49-F238E27FC236}">
                <a16:creationId xmlns:a16="http://schemas.microsoft.com/office/drawing/2014/main" id="{9D39F2EC-FE00-4331-A9F4-5E586CB8F1C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93352" y="1892483"/>
            <a:ext cx="0" cy="5078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d1ab4614cee24a6c934d8b22afe957fa_Connector1">
            <a:extLst>
              <a:ext uri="{FF2B5EF4-FFF2-40B4-BE49-F238E27FC236}">
                <a16:creationId xmlns:a16="http://schemas.microsoft.com/office/drawing/2014/main" id="{D7944766-8FC8-4C9C-B654-D804D1D06FF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198739" y="1892483"/>
            <a:ext cx="0" cy="5078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ca2964096ee41228b025428005648f1_Connector2">
            <a:extLst>
              <a:ext uri="{FF2B5EF4-FFF2-40B4-BE49-F238E27FC236}">
                <a16:creationId xmlns:a16="http://schemas.microsoft.com/office/drawing/2014/main" id="{00647BCD-B43B-4C3D-8E45-6728CD9B2BB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33665" y="2032169"/>
            <a:ext cx="0" cy="368131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4920" y="2400300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984500"/>
            <a:ext cx="1079500" cy="650155"/>
          </a:xfrm>
          <a:prstGeom prst="rect">
            <a:avLst/>
          </a:prstGeom>
          <a:solidFill>
            <a:srgbClr val="1CADE4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98155"/>
            <a:ext cx="1079500" cy="2070100"/>
          </a:xfrm>
          <a:prstGeom prst="rect">
            <a:avLst/>
          </a:prstGeom>
          <a:solidFill>
            <a:schemeClr val="accent4">
              <a:alpha val="69804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_4a5a28f54fd9419c81109d26b21f62bf_HeaderRectangle">
            <a:extLst>
              <a:ext uri="{FF2B5EF4-FFF2-40B4-BE49-F238E27FC236}">
                <a16:creationId xmlns:a16="http://schemas.microsoft.com/office/drawing/2014/main" id="{0458A629-A45B-435B-8536-79BD2164DAD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831755"/>
            <a:ext cx="1079500" cy="386249"/>
          </a:xfrm>
          <a:prstGeom prst="rect">
            <a:avLst/>
          </a:prstGeom>
          <a:solidFill>
            <a:schemeClr val="dk2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42345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8251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741044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900105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05863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21769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37622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53528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f6e1e88539547538d0e74c8cac93c3e_Shape">
            <a:extLst>
              <a:ext uri="{FF2B5EF4-FFF2-40B4-BE49-F238E27FC236}">
                <a16:creationId xmlns:a16="http://schemas.microsoft.com/office/drawing/2014/main" id="{7980A052-D42C-4864-8D6D-69E82FD60A1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65438" y="3177625"/>
            <a:ext cx="8763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cf87580900b54aed87b343650d8fee08_Shape">
            <a:extLst>
              <a:ext uri="{FF2B5EF4-FFF2-40B4-BE49-F238E27FC236}">
                <a16:creationId xmlns:a16="http://schemas.microsoft.com/office/drawing/2014/main" id="{B2AB3EE2-36F9-4956-9E06-939012D0AD1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133549" y="3177625"/>
            <a:ext cx="10668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T_f00b46f2fe6c48e6bff1e532280ef299_Shape">
            <a:extLst>
              <a:ext uri="{FF2B5EF4-FFF2-40B4-BE49-F238E27FC236}">
                <a16:creationId xmlns:a16="http://schemas.microsoft.com/office/drawing/2014/main" id="{E00C480E-01D6-4CF2-B7EA-D1091BFE373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196005" y="3177625"/>
            <a:ext cx="511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fa906c89e964ebfadfdc98c7236ed0f_Shape">
            <a:extLst>
              <a:ext uri="{FF2B5EF4-FFF2-40B4-BE49-F238E27FC236}">
                <a16:creationId xmlns:a16="http://schemas.microsoft.com/office/drawing/2014/main" id="{E5857EBA-7FC2-4437-8B86-ECF897EEC78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313591" y="3177625"/>
            <a:ext cx="24257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SLT_b6f70af509e040a98c8ee92cf004d690_Shape">
            <a:extLst>
              <a:ext uri="{FF2B5EF4-FFF2-40B4-BE49-F238E27FC236}">
                <a16:creationId xmlns:a16="http://schemas.microsoft.com/office/drawing/2014/main" id="{0839551C-1130-4366-A13A-CA298FBB910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699630" y="3177625"/>
            <a:ext cx="4826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7" name="OTLSHAPE_SLT_b32a491feea9449a9529e1d03aaf5561_Shape">
            <a:extLst>
              <a:ext uri="{FF2B5EF4-FFF2-40B4-BE49-F238E27FC236}">
                <a16:creationId xmlns:a16="http://schemas.microsoft.com/office/drawing/2014/main" id="{4747B17E-1C7F-43E1-B255-1527AA46DDF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65114" y="3736255"/>
            <a:ext cx="8763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SLT_16e4f6ce5b4c43ab9e960c57011c2a9d_Shape">
            <a:extLst>
              <a:ext uri="{FF2B5EF4-FFF2-40B4-BE49-F238E27FC236}">
                <a16:creationId xmlns:a16="http://schemas.microsoft.com/office/drawing/2014/main" id="{D5B8F717-2E7B-4DC2-9379-752C50DF35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33613" y="4079155"/>
            <a:ext cx="10668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SLT_3f6455b3c21d468a8e84c89e983e4131_Shape">
            <a:extLst>
              <a:ext uri="{FF2B5EF4-FFF2-40B4-BE49-F238E27FC236}">
                <a16:creationId xmlns:a16="http://schemas.microsoft.com/office/drawing/2014/main" id="{899AD43B-8242-4123-9ED1-DA19E41784C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96406" y="4422055"/>
            <a:ext cx="13589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SLT_a8b394d558ac4a88953e9da11fe9453c_Shape">
            <a:extLst>
              <a:ext uri="{FF2B5EF4-FFF2-40B4-BE49-F238E27FC236}">
                <a16:creationId xmlns:a16="http://schemas.microsoft.com/office/drawing/2014/main" id="{33AA9663-B726-4A2F-B4C6-EE4D72E68A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548301" y="4764955"/>
            <a:ext cx="16510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SLT_c14af307bf61409c8a2fa650d502afdf_Shape">
            <a:extLst>
              <a:ext uri="{FF2B5EF4-FFF2-40B4-BE49-F238E27FC236}">
                <a16:creationId xmlns:a16="http://schemas.microsoft.com/office/drawing/2014/main" id="{0CE63A87-1131-471D-AA57-57927BA4990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188948" y="5107855"/>
            <a:ext cx="21336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SLT_8b7d0049336d485eaf7663144aff2bfa_Shape">
            <a:extLst>
              <a:ext uri="{FF2B5EF4-FFF2-40B4-BE49-F238E27FC236}">
                <a16:creationId xmlns:a16="http://schemas.microsoft.com/office/drawing/2014/main" id="{A1EDE1D5-756C-443A-B34F-CC2C1F344F7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313714" y="5450755"/>
            <a:ext cx="24257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23C37CA-DB01-4664-8A38-AA080650821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64920" y="2705100"/>
            <a:ext cx="546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71d9086dc5e44a70a84c69463ee8e943_Shape">
            <a:extLst>
              <a:ext uri="{FF2B5EF4-FFF2-40B4-BE49-F238E27FC236}">
                <a16:creationId xmlns:a16="http://schemas.microsoft.com/office/drawing/2014/main" id="{023D3BE5-6F95-4A2C-8F25-CC1FD4AC207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427641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06ecb0b095984adaa914cae6491507e8_Shape">
            <a:extLst>
              <a:ext uri="{FF2B5EF4-FFF2-40B4-BE49-F238E27FC236}">
                <a16:creationId xmlns:a16="http://schemas.microsoft.com/office/drawing/2014/main" id="{3DCF03CC-1052-4E51-9487-29C3899C2FE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08377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06a298d2253e4378b10799ccdde10720_Shape">
            <a:extLst>
              <a:ext uri="{FF2B5EF4-FFF2-40B4-BE49-F238E27FC236}">
                <a16:creationId xmlns:a16="http://schemas.microsoft.com/office/drawing/2014/main" id="{492A4B77-5711-4A66-A17F-EF625391414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9913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_8d9eefe1f26e4c5aa008342c1a979fa6_Header">
            <a:extLst>
              <a:ext uri="{FF2B5EF4-FFF2-40B4-BE49-F238E27FC236}">
                <a16:creationId xmlns:a16="http://schemas.microsoft.com/office/drawing/2014/main" id="{4DE350AB-6E30-4A8E-B9F0-4606B601F79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224318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cycle</a:t>
            </a:r>
          </a:p>
        </p:txBody>
      </p:sp>
      <p:sp>
        <p:nvSpPr>
          <p:cNvPr id="249" name="OTLSHAPE_SL_fb997c3e4e30422e8b7df1eb68f28150_Header">
            <a:extLst>
              <a:ext uri="{FF2B5EF4-FFF2-40B4-BE49-F238E27FC236}">
                <a16:creationId xmlns:a16="http://schemas.microsoft.com/office/drawing/2014/main" id="{47565056-7ACD-4A18-9E5B-5F39CDA9345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64794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310" name="OTLSHAPE_SL_4a5a28f54fd9419c81109d26b21f62bf_Header">
            <a:extLst>
              <a:ext uri="{FF2B5EF4-FFF2-40B4-BE49-F238E27FC236}">
                <a16:creationId xmlns:a16="http://schemas.microsoft.com/office/drawing/2014/main" id="{0DDC969D-5D1A-4698-A837-817B8005077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93962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B02A43-5A50-43BA-9346-3A5352204E6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28420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E49D471-4B8A-427A-B075-D6456C06BD0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48695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6A108EF-325F-4B12-9D38-3025E5953BB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4601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F43448-447D-4037-AF88-D13B0C172E7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804544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2A7624-8F3D-4D2C-B536-5B5BE35F991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963605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2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AFB5892-87B1-476C-9883-A3B878B330F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12213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8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35EB6FF-0A5A-441F-B871-DBA2D0EDD75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28119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4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751FBCF9-0FAB-4660-B398-3BA80B039C0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43972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0</a:t>
            </a:r>
          </a:p>
        </p:txBody>
      </p:sp>
      <p:sp>
        <p:nvSpPr>
          <p:cNvPr id="75" name="OTLSHAPE_TB_00000000000000000000000000000000_TimescaleInterval9">
            <a:extLst>
              <a:ext uri="{FF2B5EF4-FFF2-40B4-BE49-F238E27FC236}">
                <a16:creationId xmlns:a16="http://schemas.microsoft.com/office/drawing/2014/main" id="{A006863F-901A-4358-92A9-0E4EC237393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59878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6</a:t>
            </a:r>
          </a:p>
        </p:txBody>
      </p:sp>
      <p:sp>
        <p:nvSpPr>
          <p:cNvPr id="83" name="OTLSHAPE_SLT_4f6e1e88539547538d0e74c8cac93c3e_Duration">
            <a:extLst>
              <a:ext uri="{FF2B5EF4-FFF2-40B4-BE49-F238E27FC236}">
                <a16:creationId xmlns:a16="http://schemas.microsoft.com/office/drawing/2014/main" id="{F32C9AE5-254E-437A-A544-568085C6CBF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65438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88" name="OTLSHAPE_SLT_4f6e1e88539547538d0e74c8cac93c3e_Title">
            <a:extLst>
              <a:ext uri="{FF2B5EF4-FFF2-40B4-BE49-F238E27FC236}">
                <a16:creationId xmlns:a16="http://schemas.microsoft.com/office/drawing/2014/main" id="{6A963D27-E28A-42F9-A10F-786A71D800D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450680" y="323981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y</a:t>
            </a:r>
          </a:p>
        </p:txBody>
      </p:sp>
      <p:sp>
        <p:nvSpPr>
          <p:cNvPr id="91" name="OTLSHAPE_SLT_cf87580900b54aed87b343650d8fee08_Duration">
            <a:extLst>
              <a:ext uri="{FF2B5EF4-FFF2-40B4-BE49-F238E27FC236}">
                <a16:creationId xmlns:a16="http://schemas.microsoft.com/office/drawing/2014/main" id="{24BED07E-6ADF-4A0D-AA58-B93B373DD6F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133549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06" name="OTLSHAPE_SLT_cf87580900b54aed87b343650d8fee08_Title">
            <a:extLst>
              <a:ext uri="{FF2B5EF4-FFF2-40B4-BE49-F238E27FC236}">
                <a16:creationId xmlns:a16="http://schemas.microsoft.com/office/drawing/2014/main" id="{A89360B2-F818-410A-BB4B-F8D7F670FF0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384609" y="3239812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14" name="OTLSHAPE_SLT_f00b46f2fe6c48e6bff1e532280ef299_Duration">
            <a:extLst>
              <a:ext uri="{FF2B5EF4-FFF2-40B4-BE49-F238E27FC236}">
                <a16:creationId xmlns:a16="http://schemas.microsoft.com/office/drawing/2014/main" id="{C9AFB6BE-E0D6-4E4C-B470-D9C1541A1CD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196005" y="3457025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6.5 years</a:t>
            </a:r>
          </a:p>
        </p:txBody>
      </p:sp>
      <p:sp>
        <p:nvSpPr>
          <p:cNvPr id="124" name="OTLSHAPE_SLT_f00b46f2fe6c48e6bff1e532280ef299_Title">
            <a:extLst>
              <a:ext uri="{FF2B5EF4-FFF2-40B4-BE49-F238E27FC236}">
                <a16:creationId xmlns:a16="http://schemas.microsoft.com/office/drawing/2014/main" id="{6CC35C28-E13A-430B-8322-39AB110FC91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424622" y="323981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inical Trials</a:t>
            </a:r>
          </a:p>
        </p:txBody>
      </p:sp>
      <p:sp>
        <p:nvSpPr>
          <p:cNvPr id="135" name="OTLSHAPE_SLT_6fa906c89e964ebfadfdc98c7236ed0f_Duration">
            <a:extLst>
              <a:ext uri="{FF2B5EF4-FFF2-40B4-BE49-F238E27FC236}">
                <a16:creationId xmlns:a16="http://schemas.microsoft.com/office/drawing/2014/main" id="{0718665D-DE1A-4ADB-8881-800BC16E94F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313591" y="3457025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140" name="OTLSHAPE_SLT_6fa906c89e964ebfadfdc98c7236ed0f_Title">
            <a:extLst>
              <a:ext uri="{FF2B5EF4-FFF2-40B4-BE49-F238E27FC236}">
                <a16:creationId xmlns:a16="http://schemas.microsoft.com/office/drawing/2014/main" id="{CB11336E-201E-4A68-A7CB-A901E46DAD4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040444" y="3239812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censing Approval</a:t>
            </a: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699630" y="30226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vailability </a:t>
            </a:r>
          </a:p>
        </p:txBody>
      </p:sp>
      <p:sp>
        <p:nvSpPr>
          <p:cNvPr id="185" name="OTLSHAPE_SLT_b32a491feea9449a9529e1d03aaf5561_JoinedDate">
            <a:extLst>
              <a:ext uri="{FF2B5EF4-FFF2-40B4-BE49-F238E27FC236}">
                <a16:creationId xmlns:a16="http://schemas.microsoft.com/office/drawing/2014/main" id="{0855CF67-548F-4C89-B7C2-03A9F5DB57D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184152" y="37906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188" name="OTLSHAPE_SLT_b32a491feea9449a9529e1d03aaf5561_Title">
            <a:extLst>
              <a:ext uri="{FF2B5EF4-FFF2-40B4-BE49-F238E27FC236}">
                <a16:creationId xmlns:a16="http://schemas.microsoft.com/office/drawing/2014/main" id="{3D60AB6A-2FD9-4D9E-A57E-EA0ED5075D3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334278" y="3806190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K Candidates</a:t>
            </a:r>
          </a:p>
        </p:txBody>
      </p:sp>
      <p:sp>
        <p:nvSpPr>
          <p:cNvPr id="193" name="OTLSHAPE_SLT_16e4f6ce5b4c43ab9e960c57011c2a9d_JoinedDate">
            <a:extLst>
              <a:ext uri="{FF2B5EF4-FFF2-40B4-BE49-F238E27FC236}">
                <a16:creationId xmlns:a16="http://schemas.microsoft.com/office/drawing/2014/main" id="{7A95775B-3F02-40A7-8EDB-CD71A23F593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247238" y="41335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196" name="OTLSHAPE_SLT_16e4f6ce5b4c43ab9e960c57011c2a9d_Title">
            <a:extLst>
              <a:ext uri="{FF2B5EF4-FFF2-40B4-BE49-F238E27FC236}">
                <a16:creationId xmlns:a16="http://schemas.microsoft.com/office/drawing/2014/main" id="{007AAC56-EEA9-405D-871A-A267AD10E34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331333" y="41490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Candidates</a:t>
            </a:r>
          </a:p>
        </p:txBody>
      </p:sp>
      <p:sp>
        <p:nvSpPr>
          <p:cNvPr id="218" name="OTLSHAPE_SLT_3f6455b3c21d468a8e84c89e983e4131_JoinedDate">
            <a:extLst>
              <a:ext uri="{FF2B5EF4-FFF2-40B4-BE49-F238E27FC236}">
                <a16:creationId xmlns:a16="http://schemas.microsoft.com/office/drawing/2014/main" id="{6779E45A-6267-4951-80AD-85C28432F2F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599267" y="44764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8 - 2035</a:t>
            </a:r>
          </a:p>
        </p:txBody>
      </p:sp>
      <p:sp>
        <p:nvSpPr>
          <p:cNvPr id="258" name="OTLSHAPE_SLT_3f6455b3c21d468a8e84c89e983e4131_Title">
            <a:extLst>
              <a:ext uri="{FF2B5EF4-FFF2-40B4-BE49-F238E27FC236}">
                <a16:creationId xmlns:a16="http://schemas.microsoft.com/office/drawing/2014/main" id="{57AD174D-4345-4722-B87E-FBA26399F74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38744" y="44919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Candidates</a:t>
            </a:r>
          </a:p>
        </p:txBody>
      </p:sp>
      <p:sp>
        <p:nvSpPr>
          <p:cNvPr id="263" name="OTLSHAPE_SLT_a8b394d558ac4a88953e9da11fe9453c_JoinedDate">
            <a:extLst>
              <a:ext uri="{FF2B5EF4-FFF2-40B4-BE49-F238E27FC236}">
                <a16:creationId xmlns:a16="http://schemas.microsoft.com/office/drawing/2014/main" id="{E69E1CE9-A4BB-4974-A8B6-4F9DE91E996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239870" y="481939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5 - 2043</a:t>
            </a:r>
          </a:p>
        </p:txBody>
      </p:sp>
      <p:sp>
        <p:nvSpPr>
          <p:cNvPr id="266" name="OTLSHAPE_SLT_a8b394d558ac4a88953e9da11fe9453c_Title">
            <a:extLst>
              <a:ext uri="{FF2B5EF4-FFF2-40B4-BE49-F238E27FC236}">
                <a16:creationId xmlns:a16="http://schemas.microsoft.com/office/drawing/2014/main" id="{2588E6F2-581F-4A87-BAEA-EC74EA6334F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017488" y="483489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-5 Candidates</a:t>
            </a:r>
          </a:p>
        </p:txBody>
      </p:sp>
      <p:sp>
        <p:nvSpPr>
          <p:cNvPr id="271" name="OTLSHAPE_SLT_c14af307bf61409c8a2fa650d502afdf_JoinedDate">
            <a:extLst>
              <a:ext uri="{FF2B5EF4-FFF2-40B4-BE49-F238E27FC236}">
                <a16:creationId xmlns:a16="http://schemas.microsoft.com/office/drawing/2014/main" id="{C5C3F1CF-761B-4D08-A0D4-31DCC7135D2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364340" y="51622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43 - 2054</a:t>
            </a:r>
          </a:p>
        </p:txBody>
      </p:sp>
      <p:sp>
        <p:nvSpPr>
          <p:cNvPr id="274" name="OTLSHAPE_SLT_c14af307bf61409c8a2fa650d502afdf_Title">
            <a:extLst>
              <a:ext uri="{FF2B5EF4-FFF2-40B4-BE49-F238E27FC236}">
                <a16:creationId xmlns:a16="http://schemas.microsoft.com/office/drawing/2014/main" id="{F6D56419-7BA9-4C7D-8F38-3C0EBA5AAA0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73025" y="5177790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-2 Drug Candidates</a:t>
            </a:r>
          </a:p>
        </p:txBody>
      </p:sp>
      <p:sp>
        <p:nvSpPr>
          <p:cNvPr id="279" name="OTLSHAPE_SLT_8b7d0049336d485eaf7663144aff2bfa_JoinedDate">
            <a:extLst>
              <a:ext uri="{FF2B5EF4-FFF2-40B4-BE49-F238E27FC236}">
                <a16:creationId xmlns:a16="http://schemas.microsoft.com/office/drawing/2014/main" id="{A9682DEA-D719-4F28-BC76-E81CE6A4B44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779400" y="55051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282" name="OTLSHAPE_SLT_8b7d0049336d485eaf7663144aff2bfa_Title">
            <a:extLst>
              <a:ext uri="{FF2B5EF4-FFF2-40B4-BE49-F238E27FC236}">
                <a16:creationId xmlns:a16="http://schemas.microsoft.com/office/drawing/2014/main" id="{FF137F77-0CB1-4862-9EEC-8772B7508EB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365180" y="552069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rug</a:t>
            </a:r>
          </a:p>
        </p:txBody>
      </p:sp>
      <p:sp>
        <p:nvSpPr>
          <p:cNvPr id="312" name="OTLSHAPE_SLM_71d9086dc5e44a70a84c69463ee8e943_Title">
            <a:extLst>
              <a:ext uri="{FF2B5EF4-FFF2-40B4-BE49-F238E27FC236}">
                <a16:creationId xmlns:a16="http://schemas.microsoft.com/office/drawing/2014/main" id="{F81C1288-1491-4B7A-8CFA-67B387C938A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478190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Review</a:t>
            </a:r>
          </a:p>
        </p:txBody>
      </p:sp>
      <p:sp>
        <p:nvSpPr>
          <p:cNvPr id="313" name="OTLSHAPE_SLM_71d9086dc5e44a70a84c69463ee8e943_Date">
            <a:extLst>
              <a:ext uri="{FF2B5EF4-FFF2-40B4-BE49-F238E27FC236}">
                <a16:creationId xmlns:a16="http://schemas.microsoft.com/office/drawing/2014/main" id="{EED66A90-52F1-44AD-B024-CB930A38A12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943856" y="604037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34</a:t>
            </a:r>
          </a:p>
        </p:txBody>
      </p:sp>
      <p:sp>
        <p:nvSpPr>
          <p:cNvPr id="315" name="OTLSHAPE_SLM_06ecb0b095984adaa914cae6491507e8_Title">
            <a:extLst>
              <a:ext uri="{FF2B5EF4-FFF2-40B4-BE49-F238E27FC236}">
                <a16:creationId xmlns:a16="http://schemas.microsoft.com/office/drawing/2014/main" id="{7CB24B3F-0F1F-4948-9AFA-0BFEB42639E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13432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Review</a:t>
            </a:r>
          </a:p>
        </p:txBody>
      </p:sp>
      <p:sp>
        <p:nvSpPr>
          <p:cNvPr id="316" name="OTLSHAPE_SLM_06ecb0b095984adaa914cae6491507e8_Date">
            <a:extLst>
              <a:ext uri="{FF2B5EF4-FFF2-40B4-BE49-F238E27FC236}">
                <a16:creationId xmlns:a16="http://schemas.microsoft.com/office/drawing/2014/main" id="{B1925516-2E48-4EF2-9174-6A4E5E4ED86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65274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43</a:t>
            </a:r>
          </a:p>
        </p:txBody>
      </p:sp>
      <p:sp>
        <p:nvSpPr>
          <p:cNvPr id="318" name="OTLSHAPE_SLM_06a298d2253e4378b10799ccdde10720_Title">
            <a:extLst>
              <a:ext uri="{FF2B5EF4-FFF2-40B4-BE49-F238E27FC236}">
                <a16:creationId xmlns:a16="http://schemas.microsoft.com/office/drawing/2014/main" id="{B57F318F-1BB8-40A5-9E1D-A95DFA8A9FB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24968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Review</a:t>
            </a:r>
          </a:p>
        </p:txBody>
      </p:sp>
      <p:sp>
        <p:nvSpPr>
          <p:cNvPr id="319" name="OTLSHAPE_SLM_06a298d2253e4378b10799ccdde10720_Date">
            <a:extLst>
              <a:ext uri="{FF2B5EF4-FFF2-40B4-BE49-F238E27FC236}">
                <a16:creationId xmlns:a16="http://schemas.microsoft.com/office/drawing/2014/main" id="{31E636AD-F986-47F2-A000-F2C3212E49A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6810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5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0B1765-504E-4C16-89F3-EF4C03F46171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242345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DE59BAE-C44C-491B-87C4-78FE0D1FCE2F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58251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707C5F-E37C-419D-96F4-DB42B9E97846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4741044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4BCA8AE-726E-4E81-A1C2-71434B106FA4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5900105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80439CD0-A133-4FD0-AA41-589EC298384F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705863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2086CAC-A3B4-4830-8100-61FAEED21574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821769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7E7E0682-6AF9-4C87-852C-1E3DE42F35AF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937622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>
            <a:extLst>
              <a:ext uri="{FF2B5EF4-FFF2-40B4-BE49-F238E27FC236}">
                <a16:creationId xmlns:a16="http://schemas.microsoft.com/office/drawing/2014/main" id="{E39AEF05-509A-475C-A6E0-3C9ED6784EA9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1053528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M_bc3ce3ceb1c84be0bf24fe143792ea63_Shape">
            <a:extLst>
              <a:ext uri="{FF2B5EF4-FFF2-40B4-BE49-F238E27FC236}">
                <a16:creationId xmlns:a16="http://schemas.microsoft.com/office/drawing/2014/main" id="{CC45299F-AE28-42C9-8FCF-38E46A8B8AF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0615250" y="22098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bc3ce3ceb1c84be0bf24fe143792ea63_Title">
            <a:extLst>
              <a:ext uri="{FF2B5EF4-FFF2-40B4-BE49-F238E27FC236}">
                <a16:creationId xmlns:a16="http://schemas.microsoft.com/office/drawing/2014/main" id="{B5CDC6B1-0CA2-462C-8255-7E8B7AA8B15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460923" y="186165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43856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1051" name="OTLSHAPE_M_bc3ce3ceb1c84be0bf24fe143792ea63_Date">
            <a:extLst>
              <a:ext uri="{FF2B5EF4-FFF2-40B4-BE49-F238E27FC236}">
                <a16:creationId xmlns:a16="http://schemas.microsoft.com/office/drawing/2014/main" id="{5D7E39C5-89BE-4C5D-9D4C-7065427CDAA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518835" y="204486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67</a:t>
            </a:r>
          </a:p>
        </p:txBody>
      </p:sp>
      <p:sp>
        <p:nvSpPr>
          <p:cNvPr id="1053" name="OTLSHAPE_M_d1ab4614cee24a6c934d8b22afe957fa_Title">
            <a:extLst>
              <a:ext uri="{FF2B5EF4-FFF2-40B4-BE49-F238E27FC236}">
                <a16:creationId xmlns:a16="http://schemas.microsoft.com/office/drawing/2014/main" id="{DCF03538-FC85-4898-9650-DF8DEAA602F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243189" y="186165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Submission</a:t>
            </a:r>
          </a:p>
        </p:txBody>
      </p:sp>
      <p:sp>
        <p:nvSpPr>
          <p:cNvPr id="1054" name="OTLSHAPE_M_d1ab4614cee24a6c934d8b22afe957fa_Date">
            <a:extLst>
              <a:ext uri="{FF2B5EF4-FFF2-40B4-BE49-F238E27FC236}">
                <a16:creationId xmlns:a16="http://schemas.microsoft.com/office/drawing/2014/main" id="{F2011938-4CF2-47F4-9120-8C93018C977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243189" y="20448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7</a:t>
            </a:r>
          </a:p>
        </p:txBody>
      </p:sp>
      <p:sp>
        <p:nvSpPr>
          <p:cNvPr id="288" name="OTLSHAPE_M_5ca2964096ee41228b025428005648f1_Title">
            <a:extLst>
              <a:ext uri="{FF2B5EF4-FFF2-40B4-BE49-F238E27FC236}">
                <a16:creationId xmlns:a16="http://schemas.microsoft.com/office/drawing/2014/main" id="{B2AA7284-F863-4356-9147-C1B4F143F76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178115" y="142460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Submission</a:t>
            </a:r>
          </a:p>
        </p:txBody>
      </p:sp>
      <p:sp>
        <p:nvSpPr>
          <p:cNvPr id="289" name="OTLSHAPE_M_5ca2964096ee41228b025428005648f1_Date">
            <a:extLst>
              <a:ext uri="{FF2B5EF4-FFF2-40B4-BE49-F238E27FC236}">
                <a16:creationId xmlns:a16="http://schemas.microsoft.com/office/drawing/2014/main" id="{C6C1A2D9-C767-4190-BA7D-8AFFB26E36D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178115" y="1607820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2</a:t>
            </a:r>
          </a:p>
        </p:txBody>
      </p:sp>
      <p:sp>
        <p:nvSpPr>
          <p:cNvPr id="291" name="OTLSHAPE_M_7d096088c5d24d0cb083a70c2819ed4e_Title">
            <a:extLst>
              <a:ext uri="{FF2B5EF4-FFF2-40B4-BE49-F238E27FC236}">
                <a16:creationId xmlns:a16="http://schemas.microsoft.com/office/drawing/2014/main" id="{E21AD16C-A74C-4FBF-97E6-B158D66BA23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37802" y="1861651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Selection</a:t>
            </a:r>
          </a:p>
        </p:txBody>
      </p:sp>
      <p:sp>
        <p:nvSpPr>
          <p:cNvPr id="292" name="OTLSHAPE_M_7d096088c5d24d0cb083a70c2819ed4e_Date">
            <a:extLst>
              <a:ext uri="{FF2B5EF4-FFF2-40B4-BE49-F238E27FC236}">
                <a16:creationId xmlns:a16="http://schemas.microsoft.com/office/drawing/2014/main" id="{14C99F14-A0CB-4AAC-ACA8-EEB19DA3C77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537802" y="2044869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19</a:t>
            </a:r>
          </a:p>
        </p:txBody>
      </p:sp>
      <p:sp>
        <p:nvSpPr>
          <p:cNvPr id="296" name="TextBox 295">
            <a:extLst>
              <a:ext uri="{FF2B5EF4-FFF2-40B4-BE49-F238E27FC236}">
                <a16:creationId xmlns:a16="http://schemas.microsoft.com/office/drawing/2014/main" id="{1350213F-A618-404E-8CC5-B595505B59F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067849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rocess Map Swimlane Diagram</a:t>
            </a:r>
          </a:p>
        </p:txBody>
      </p:sp>
      <p:sp>
        <p:nvSpPr>
          <p:cNvPr id="297" name="TextBox 296">
            <a:extLst>
              <a:ext uri="{FF2B5EF4-FFF2-40B4-BE49-F238E27FC236}">
                <a16:creationId xmlns:a16="http://schemas.microsoft.com/office/drawing/2014/main" id="{9A76B6BF-0328-4F5A-A535-7CA5C005D24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259667" y="946820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harmaceutical Product Discovery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354922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jgsIkciOjE3MywiQiI6MjI4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5LCJGb250TmFtZSI6IkNvcmJlbCIsIklzQm9sZCI6dHJ1ZSwiSXNJdGFsaWMiOmZhbHNlLCJJc1VuZGVybGluZWQiOmZhbHNlLCJQYXJlbnRTdHlsZSI6bnVsbH0sIkF1dG9TaXplIjowLCJGb3JlZ3JvdW5kIjp7IiRpZCI6IjE5IiwiQ29sb3IiOnsiJGlkIjoiMjA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ZmFsc2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OCwiRyI6MTczLCJCIjoyMjh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XJpYWwiLCJJc0JvbGQiOmZhbHNlLCJJc0l0YWxpYyI6ZmFsc2UsIklzVW5kZXJsaW5lZCI6ZmFsc2UsIlBhcmVudFN0eWxlIjpudWxsfSwiQXV0b1NpemUiOjAsIkZvcmVncm91bmQiOnsiJGlkIjoiNTEiLCJDb2xvciI6eyIkaWQiOiI1MiIsIkEiOjI1NSwiUiI6MTY1LCJHIjoxNjUsIkIiOjE2NX19LCJNYXhXaWR0aCI6OTY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ODksIlIiOjAsIkciOjAsIkIiOjB9fSwiSXNWaXNpYmxlIjpmYWxzZSwiV2lkdGgiOjAuMCwiSGVpZ2h0IjowLjAsIkJvcmRlclN0eWxlIjp7IiRpZCI6IjU3IiwiTGluZUNvbG9yIjpudWxsLCJMaW5lV2VpZ2h0IjowLjAsIkxpbmVUeXBlIjowLCJQYXJlbnRTdHlsZSI6bnVsbH0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4MSIsIk1hcmdpbiI6eyIkcmVmIjoiMzMifSwiUGFkZGluZyI6eyIkcmVmIjoiMzQifSwiQmFja2dyb3VuZCI6eyIkaWQiOiI4MiIsIkNvbG9yIjp7IiRpZCI6IjgzIiwiQSI6MjU1LCJSIjoyOCwiRyI6MTczLCJCIjoyMjh9fSwiSXNWaXNpYmxlIjp0cnVlLCJXaWR0aCI6MC4wLCJIZWlnaHQiOjE2LjAsIkJvcmRlclN0eWxlIjp7IiRpZCI6Ijg0IiwiTGluZUNvbG9yIjp7IiRyZWYiOiIzOCJ9LCJMaW5lV2VpZ2h0IjowLjAsIkxpbmVUeXBlIjowLCJQYXJlbnRTdHlsZSI6bnVsbH0sIlBhcmVudFN0eWxlIjpudWxsfSwiVGl0b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DkiLCJDb2xvciI6eyIkaWQiOiI5MCIsIkEiOjAsIlIiOjI1NSwiRyI6MjU1LCJCIjoyNTV9fSwiSXNWaXNpYmxlIjp0cnVlLCJXaWR0aCI6MC4wLCJIZWlnaHQiOjAuMCwiQm9yZGVyU3R5bGUiOnsiJGlkIjoiOTEiLCJMaW5lQ29sb3IiOm51bGwsIkxpbmVXZWlnaHQiOjAuMCwiTGluZVR5cGUiOjAsIlBhcmVudFN0eWxlIjpudWxsfSwiUGFyZW50U3R5bGUiOm51bGx9LCJEYXRlU3R5bGUiOnsiJGlkIjoiOTIiLCJGb250U2V0dGluZ3MiOnsiJGlkIjoiOTM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TE1IiwiTWFyZ2luIjp7IiRyZWYiOiIzMyJ9LCJQYWRkaW5nIjp7IiRyZWYiOiIzNCJ9LCJCYWNrZ3JvdW5kIjp7IiRpZCI6IjExNiIsIkNvbG9yIjp7IiRpZCI6IjExNyIsIkEiOjI1NSwiUiI6MjgsIkciOjE3MywiQiI6MjI4fX0sIklzVmlzaWJsZSI6dHJ1ZSwiV2lkdGgiOjAuMCwiSGVpZ2h0IjoyMi4wLCJCb3JkZXJTdHlsZSI6eyIkaWQiOiIxMTgiLCJMaW5lQ29sb3IiOnsiJHJlZiI6IjM4In0sIkxpbmVXZWlnaHQiOjAuMCwiTGluZVR5cGUiOjAsIlBhcmVudFN0eWxlIjpudWxsfSwiUGFyZW50U3R5bGUiOm51bGx9LCJUaXRs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I1NSwiRyI6MjU1LCJCIjoyNTV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cmVmIjoiNTUifSwiSXNWaXNpYmxlIjp0cnVlLCJXaWR0aCI6MC4wLCJIZWlnaHQiOjAuMCwiQm9yZGVyU3R5bGUiOnsiJGlkIjoiMjA2IiwiTGluZUNvbG9yIjpudWxsLCJMaW5lV2VpZ2h0IjowLjAsIkxpbmVUeXBlIjowLCJQYXJlbnRTdHlsZSI6bnVsbH0sIlBhcmVudFN0eWxlIjpudWxsfSwiRGF0ZUZvcm1hdCI6eyIkaWQiOiIyM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m51bGwsIlBhcmVudFN0eWxlIjpudWxsfSwiQmFja2dyb3VuZF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UiLCJUb3AiOjAuMCwiTGVmdCI6MC4wLCJSaWdodCI6MC4wLCJCb3R0b20iOjAuMH0sIlBhZGRpbmciOnsiJGlkIjoiMjQ2IiwiVG9wIjowLjAsIkxlZnQiOjAuMCwiUmlnaHQiOjAuMCwiQm90dG9tIjowLjB9LCJCYWNrZ3JvdW5kIjpudWxsLCJJc1Zpc2libGUiOnRydWUsIldpZHRoIjowLjAsIkhlaWdodCI6MC4wLCJCb3JkZXJTdHlsZSI6bnVsbCwiUGFyZW50U3R5bGUiOm51bGx9LCJSZWN0YW5nb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yOTYiLCJDb2xvciI6eyIkaWQiOiIyOTciLCJBIjowLCJSIjoyNTUsIkciOjI1NSwiQiI6MjU1fX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xLCJGb250TmFtZSI6IkNvcmJlbCIsIklzQm9sZCI6ZmFsc2UsIklzSXRhbGljIjpmYWxzZSwiSXNVbmRlcmxpbmVkIjpmYWxzZSwiUGFyZW50U3R5bGUiOm51bGx9LCJBdXRvU2l6ZSI6MCwiRm9yZWdyb3VuZCI6eyIkaWQiOiIzMDEiLCJDb2xvciI6eyIkaWQiOiIzMDI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zAzIiwiQ29sb3IiOnsiJGlkIjoiMzA0IiwiQSI6MCwiUiI6MjU1LCJHIjoyNTUsIkIiOjI1NX19LCJJc1Zpc2libGUiOnRydWUsIldpZHRoIjowLjAsIkhlaWdodCI6MC4wLCJCb3JkZXJTdHlsZSI6eyIkaWQiOiIzMDUiLCJMaW5lQ29sb3IiOm51bGwsIkxpbmVXZWlnaHQiOjAuMCwiTGluZVR5cGUiOjAsIlBhcmVudFN0eWxlIjpudWxsfSwiUGFyZW50U3R5bGUiOm51bGx9LCJEYXRlRm9ybWF0Ijp7IiRpZCI6IjMw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ZmFsc2UsIldpZHRoIjowLjAsIkhlaWdodCI6MC4wLCJCb3JkZXJTdHlsZSI6eyIkaWQiOiIzMjkiLCJMaW5lQ29sb3IiOm51bGwsIkxpbmVXZWlnaHQiOjAuMCwiTGluZVR5cGUiOjAsIlBhcmVudFN0eWxlIjpudWxsfSwiUGFyZW50U3R5bGUiOm51bGx9LCJIb3Jpem9udGFsQ29ubmVjdG9yU3R5bGUiOnsiJGlkIjoiMzMwIiwiTGluZUNvbG9yIjp7IiRyZWYiOiIyNyJ9LCJMaW5lV2VpZ2h0IjoxLjAsIkxpbmVUeXBlIjowLCJQYXJlbnRTdHlsZSI6bnVsbH0sIlZlcnRpY2FsQ29ubmVjdG9yU3R5bGUiOnsiJGlkIjoiMzMxIiwiTGluZUNvbG9yIjp7IiRyZWYiOiI3O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m51bGx9LCJEYXRlRm9ybWF0Ijp7IiRpZCI6IjM1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zOTMiLCJDb2xvciI6eyIkaWQiOiIzOTQiLCJBIjowLCJSIjoyNTUsIkciOjI1NSwiQiI6MjU1fX0sIklzVmlzaWJsZSI6dHJ1ZSwiV2lkdGgiOjAuMCwiSGVpZ2h0IjowLjAsIkJvcmRlclN0eWxlIjp7IiRpZCI6IjM5NSIsIkxpbmVDb2xvciI6bnVsbCwiTGluZVdlaWdodCI6MC4wLCJMaW5lVHlwZSI6MCwiUGFyZW50U3R5bGUiOm51bGx9LCJQYXJlbnRTdHlsZSI6bnVsbH0sIkRhdGVGb3JtYXQiOnsiJGlkIjoiMzk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xLCJGb250TmFtZSI6IkNvcmJlbCIsIklzQm9sZCI6ZmFsc2UsIklzSXRhbGljIjpmYWxzZSwiSXNVbmRlcmxpbmVkIjpmYWxzZSwiUGFyZW50U3R5bGUiOm51bGx9LCJBdXRvU2l6ZSI6MCwiRm9yZWdyb3VuZCI6eyIkaWQiOiI0MzEiLCJDb2xvciI6eyIkaWQiOiI0MzI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NDMzIiwiQ29sb3IiOnsiJGlkIjoiNDM0IiwiQSI6MCwiUiI6MjU1LCJHIjoyNTUsIkIiOjI1NX19LCJJc1Zpc2libGUiOnRydWUsIldpZHRoIjowLjAsIkhlaWdodCI6MC4wLCJCb3JkZXJTdHlsZSI6eyIkaWQiOiI0MzUiLCJMaW5lQ29sb3IiOm51bGwsIkxpbmVXZWlnaHQiOjAuMCwiTGluZVR5cGUiOjAsIlBhcmVudFN0eWxlIjpudWxsfSwiUGFyZW50U3R5bGUiOm51bGx9LCJEYXRlRm9ybWF0Ijp7IiRpZCI6IjQz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yNyJ9LCJMaW5lV2VpZ2h0IjoxLjAsIkxpbmVUeXBlIjowLCJQYXJlbnRTdHlsZSI6bnVsbH0sIlZlcnRpY2FsQ29ubmVjdG9yU3R5bGUiOnsiJGlkIjoiNDU3IiwiTGluZUNvbG9yIjp7IiRyZWYiOiI3O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ExLCJGb250TmFtZSI6IkNvcmJlbCIsIklzQm9sZCI6ZmFsc2UsIklzSXRhbGljIjpmYWxzZSwiSXNVbmRlcmxpbmVkIjpmYWxzZSwiUGFyZW50U3R5bGUiOm51bGx9LCJBdXRvU2l6ZSI6MCwiRm9yZWdyb3VuZCI6eyIkaWQiOiI0NzEiLCJDb2xvciI6eyIkaWQiOiI0NzI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m51bGx9LCJEYXRlRm9ybWF0Ijp7IiRpZCI6IjQ3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jYiLCJUb3AiOjAuMCwiTGVmdCI6MC4wLCJSaWdodCI6MC4wLCJCb3R0b20iOjAuMH0sIlBhZGRpbmciOnsiJGlkIjoiNTI3IiwiVG9wIjowLjAsIkxlZnQiOjAuMCwiUmlnaHQiOjAuMCwiQm90dG9tIjowLjB9LCJCYWNrZ3JvdW5kIjpudWxsLCJJc1Zpc2libGUiOnRydWUsIldpZHRoIjowLjAsIkhlaWdodCI6MC4wLCJCb3JkZXJTdHlsZSI6bnVsbCwiUGFyZW50U3R5bGUiOm51bGx9LCJSZWN0YW5nbGV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2MywiUiI6MjQzLCJHIjoyNDMsIkIiOjI0M319LCJJc1Zpc2libGUiOnRydWUsIldpZHRoIjowLjAsIkhlaWdodCI6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IsIkZvcmVncm91bmQiOnsiJGlkIjoiNjEzIiwiQ29sb3IiOnsiJGlkIjoiNjE0IiwiQSI6MjU1LCJSIjo1MSwiRyI6OTEsIkIiOjExNn19LCJNYXhXaWR0aCI6MTkyLjQyNTkwMzMyMDMxMjUsIk1heEhlaWdodCI6IkluZmluaXR5IiwiU21hcnRGb3JlZ3JvdW5kSXNBY3RpdmUiOmZhbHNlLCJIb3Jpem9udGFsQWxpZ25tZW50Ijoy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CwiUiI6MjU1LCJHIjoyNTUsIkIiOjI1NX19LCJJc1Zpc2libGUiOnRydWUsIldpZHRoIjowLjAsIkhlaWdodCI6MC4wLCJCb3JkZXJTdHlsZSI6bnVsbCwiUGFyZW50U3R5bGUiOm51bGx9LCJEYXRlRm9ybWF0Ijp7IiRpZCI6IjYy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MCwiUiI6MjU1LCJHIjoyNTUsIkIiOjI1NX19LCJJc1Zpc2libGUiOnRydWUsIldpZHRoIjowLjAsIkhlaWdodCI6MC4wLCJCb3JkZXJTdHlsZSI6bnVsbCwiUGFyZW50U3R5bGUiOm51bGx9LCJEYXRlRm9ybWF0Ijp7IiRpZCI6IjY1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bnVsbCwiSXNWaXNpYmxlIjp0cnVlLCJXaWR0aCI6MC4wLCJIZWlnaHQiOjAuMCwiQm9yZGVyU3R5bGUiOm51bGwsIlBhcmVudFN0eWxlIjpudWxsfSwiUmVjdGFuZ2x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1MSwiUiI6MTY1LCJHIjoxNjUsIkIiOjE2NX19LCJJc1Zpc2libGUiOnRydWUsIldpZHRoIjowLjAsIkhlaWdodCI6MC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bnVsbCwiSXNWaXNpYmxlIjpmYWxzZSwiV2lkdGgiOjAuMCwiSGVpZ2h0IjowLjAsIkJvcmRlclN0eWxlIjpudWxsLCJQYXJlbnRTdHlsZSI6bnVsbH0sIlJlY3RhbmdsZV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HJlZiI6IjU2In19LCJJc1Zpc2libGUiOnRydWUsIldpZHRoIjowLjAsIkhlaWdodCI6MC4wLCJCb3JkZXJTdHlsZSI6bnVsbCwiUGFyZW50U3R5bGUiOm51bGx9LCJEYXRlU3R5bGUiOnsiJGlkIjoiNzk0IiwiRm9udFNldHRpbmdzIjp7IiRpZCI6Ijc5NSIsIkZvbnRTaXplIjo5LCJGb250TmFtZSI6IkNvcmJlbCIsIklzQm9sZCI6ZmFsc2UsIklzSXRhbGljIjpmYWxzZSwiSXNVbmRlcmxpbmVkIjpmYWxzZSwiUGFyZW50U3R5bGUiOm51bGx9LCJBdXRvU2l6ZSI6MCwiRm9yZWdyb3VuZCI6eyIkaWQiOiI3OTYiLCJDb2xvciI6eyIkaWQiOiI3OTc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cmVmIjoiNTYifX0sIklzVmlzaWJsZSI6dHJ1ZSwiV2lkdGgiOjAuMCwiSGVpZ2h0IjowLjAsIkJvcmRlclN0eWxlIjpudWxsLCJQYXJlbnRTdHlsZSI6bnVsbH0sIkRhdGVGb3JtYXQiOnsiJGlkIjoiODA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HJlZiI6IjU2In19LCJJc1Zpc2libGUiOnRydWUsIldpZHRoIjowLjAsIkhlaWdodCI6MC4wLCJCb3JkZXJTdHlsZSI6bnVsbCwiUGFyZW50U3R5bGUiOm51bGx9LCJEdXJhdGlvblN0eWxlIjp7IiRpZCI6IjgwOSIsIkZvbnRTZXR0aW5ncyI6eyIkaWQiOiI4MTAiLCJGb250U2l6ZSI6OSwiRm9udE5hbWUiOiJDb3JiZWwiLCJJc0JvbGQiOnRydWUsIklzSXRhbGljIjpmYWxzZSwiSXNVbmRlcmxpbmVkIjpmYWxzZSwiUGFyZW50U3R5bGUiOm51bGx9LCJBdXRvU2l6ZSI6MCwiRm9yZWdyb3VuZCI6eyIkaWQiOiI4MTEiLCJDb2xvciI6eyIkaWQiOiI4M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cmVmIjoiNTYifX0sIklzVmlzaWJsZSI6dHJ1ZSwiV2lkdGgiOjAuMCwiSGVpZ2h0IjowLjAsIkJvcmRlclN0eWxlIjpudWxsLCJQYXJlbnRTdHlsZSI6bnVsbH0sIkhvcml6b250YWxDb25uZWN0b3JTdHlsZSI6eyIkaWQiOiI4MTYiLCJMaW5lQ29sb3IiOnsiJHJlZiI6IjI3In0sIkxpbmVXZWlnaHQiOjEuMCwiTGluZVR5cGUiOjAsIlBhcmVudFN0eWxlIjpudWxsfSwiVmVydGljYWxDb25uZWN0b3JTdHlsZSI6eyIkaWQiOiI4MTciLCJMaW5lQ29sb3IiOnsiJHJlZiI6Ijc5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GlkIjoiODMyIiwiQ29sb3IiOnsiJHJlZiI6IjU2In19LCJJc1Zpc2libGUiOnRydWUsIldpZHRoIjowLjAsIkhlaWdodCI6MC4wLCJCb3JkZXJTdHlsZSI6bnVsbCwiUGFyZW50U3R5bGUiOm51bGx9LCJEYXRlU3R5bGUiOnsiJGlkIjoiODMzIiwiRm9udFNldHRpbmdzIjp7IiRpZCI6IjgzNCIsIkZvbnRTaXplIjo5LCJGb250TmFtZSI6IkFyaWFs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yZWYiOiI1NSJ9LCJJc1Zpc2libGUiOnRydWUsIldpZHRoIjowLjAsIkhlaWdodCI6MC4wLCJCb3JkZXJTdHlsZSI6bnVsbCwiUGFyZW50U3R5bGUiOm51bGx9LCJEYXRlRm9ybWF0Ijp7IiRpZCI6Ijgz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giLCJGb3JtYXQiOjAsIklzVmlzaWJsZSI6ZmFsc2UsIkxhc3RLbm93blZpc2liaWxpdHlTdGF0ZSI6ZmFsc2V9LCJJc1Zpc2libGUiOnRydWUsIlBhcmVudFN0eWxlIjpudWxsLCJfZXhwbGljaXRseVNldCI6eyIkaWQiOiI4M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bnVsbCwiSXNWaXNpYmxlIjpmYWxz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EYXRlU3R5bGUiOnsiJGlkIjoiOTA1IiwiRm9udFNldHRpbmdzIjp7IiRpZCI6IjkwNiIsIkZvbnRTaXplIjo5LCJGb250TmFtZSI6IkNhbGlicmkiLCJJc0JvbGQiOmZhbHNlLCJJc0l0YWxpYyI6ZmFsc2UsIklzVW5kZXJsaW5lZCI6ZmFsc2UsIlBhcmVudFN0eWxlIjpudWxsfSwiQXV0b1NpemUiOjAsIkZvcmVncm91bmQiOnsiJGlkIjoiOTA3IiwiQ29sb3IiOnsiJGlkIjoiOTA4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k4In0sIlBhZGRpbmciOnsiJHJlZiI6Ijc5OSJ9LCJCYWNrZ3JvdW5kIjp7IiRpZCI6IjkwOSIsIkNvbG9yIjp7IiRpZCI6IjkxMCIsIkEiOjAsIlIiOjI1NSwiRyI6MjU1LCJCIjoyNTV9fSwiSXNWaXNpYmxlIjp0cnVlLCJXaWR0aCI6MC4wLCJIZWlnaHQiOjAuMCwiQm9yZGVyU3R5bGUiOnsiJGlkIjoiOTExIiwiTGluZUNvbG9yIjpudWxsLCJMaW5lV2VpZ2h0IjowLjAsIkxpbmVUeXBlIjowLCJQYXJlbnRTdHlsZSI6bnVsbH0sIlBhcmVudFN0eWxlIjpudWxsfSwiRGF0ZUZvcm1hdCI6eyIkaWQiOiI5M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OTEifSwiUGFkZGluZyI6eyIkcmVmIjoiNzkyIn0sIkJhY2tncm91bmQiOnsiJGlkIjoiOTMxIiwiQ29sb3IiOnsiJGlkIjoiOTMyIiwiQSI6MCwiUiI6MjU1LCJHIjoyNTUsIkIiOjI1NX19LCJJc1Zpc2libGUiOnRydW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k4In0sIlBhZGRpbmciOnsiJHJlZiI6Ijc5OSJ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5OCJ9LCJQYWRkaW5nIjp7IiRyZWYiOiI3OTki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RhdGVGb3JtYXQiOnsiJHJlZiI6IjkxMiJ9LCJXZWVrTnVtYmVyaW5nIjp7IiRpZCI6Ijk2OSIsIkZvcm1hdCI6MCwiSXNWaXNpYmxlIjpmYWxzZSwiTGFzdEtub3duVmlzaWJpbGl0eVN0YXRlIjpmYWxzZX0sIklzVmlzaWJsZSI6dHJ1ZSwiUGFyZW50U3R5bGUiOm51bGx9LCJJbmRleCI6MiwiUGVyY2VudGFnZUNvbXBsZXRlIjpudWxsLCJQb3NpdGlvbiI6eyJSYXRpbyI6MC4xMTc0MjE2NTEwODIyMDU4LCJJc0N1c3RvbSI6ZmFsc2V9LCJEYXRlRm9ybWF0Ijp7IiRyZWYiOiI5MTIifSwiV2Vla051bWJlcmluZyI6eyIkaWQiOiI5NzA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VN0eWxlIjp7IiRpZCI6Ijk5MCIsIkZvbnRTZXR0aW5ncyI6eyIkaWQiOiI5OTEiLCJGb250U2l6ZSI6OSwiRm9udE5hbWUiOiJDYWxpYnJpIiwiSXNCb2xkIjpmYWxzZSwiSXNJdGFsaWMiOmZhbHNlLCJJc1VuZGVybGluZWQiOmZhbHNlLCJQYXJlbnRTdHlsZSI6bnVsbH0sIkF1dG9TaXplIjowLCJGb3JlZ3JvdW5kIjp7IiRpZCI6Ijk5MiIsIkNvbG9yIjp7IiRpZCI6Ijk5My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wMDEiLCJJbXBhT3B0aW9ucyI6eyIkaWQiOiIxMDA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AzIiwiVXNlVGltZSI6ZmFsc2UsIldvcmtEYXlTdGFydCI6IjAwOjAwOjAwIiwiV29ya0RheUVuZCI6IjIzOjU5OjAwIn0sIkxhc3RVc2VkVGVtcGxhdGVJZCI6IjEyYjc3NWJhLTAwNGYtNDQyNC1hYjA2LTJlZmEyMjUzZGZlZ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23:32:00.0000000Z"/>
  <p:tag name="OTLENDDATE" val="2022-07-01T23:32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66-11-07T19:09:00.0000000"/>
  <p:tag name="OTLENDDATE" val="2069-04-22T00:56:00.0000000"/>
  <p:tag name="OTLPERCENTAGE" val="0"/>
  <p:tag name="OTLDURATIONFORMAT" val="year"/>
  <p:tag name="OTLSPACING" val="5"/>
  <p:tag name="OTLSHAPETHICKNESSTYPE" val="Custom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08:49:00.0000000Z"/>
  <p:tag name="OTLENDDATE" val="2022-07-01T08:4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20:39:00.0000000Z"/>
  <p:tag name="OTLENDDATE" val="2028-01-01T20:3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19:14:00.0000000Z"/>
  <p:tag name="OTLENDDATE" val="2035-01-01T19:14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35-01-01T11:41:00.0000000Z"/>
  <p:tag name="OTLENDDATE" val="2043-07-01T11:4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43-07-01T06:09:00.0000000Z"/>
  <p:tag name="OTLENDDATE" val="2054-07-01T06:0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14:05:00.0000000Z"/>
  <p:tag name="OTLENDDATE" val="2067-01-01T14:05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Review"/>
  <p:tag name="OTLDATE" val="2034-12-20T11:02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2 Review"/>
  <p:tag name="OTLDATE" val="2043-07-18T12:36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3 Review"/>
  <p:tag name="OTLDATE" val="2054-07-01T01:34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lue II">
    <a:dk1>
      <a:sysClr val="windowText" lastClr="000000"/>
    </a:dk1>
    <a:lt1>
      <a:sysClr val="window" lastClr="FFFFFF"/>
    </a:lt1>
    <a:dk2>
      <a:srgbClr val="335B74"/>
    </a:dk2>
    <a:lt2>
      <a:srgbClr val="DFE3E5"/>
    </a:lt2>
    <a:accent1>
      <a:srgbClr val="1CADE4"/>
    </a:accent1>
    <a:accent2>
      <a:srgbClr val="2683C6"/>
    </a:accent2>
    <a:accent3>
      <a:srgbClr val="27CED7"/>
    </a:accent3>
    <a:accent4>
      <a:srgbClr val="42BA97"/>
    </a:accent4>
    <a:accent5>
      <a:srgbClr val="3E8853"/>
    </a:accent5>
    <a:accent6>
      <a:srgbClr val="62A39F"/>
    </a:accent6>
    <a:hlink>
      <a:srgbClr val="6EAC1C"/>
    </a:hlink>
    <a:folHlink>
      <a:srgbClr val="B26B0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5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11T20:42:37Z</dcterms:created>
  <dcterms:modified xsi:type="dcterms:W3CDTF">2022-06-28T13:44:09Z</dcterms:modified>
</cp:coreProperties>
</file>